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ilversu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D58E4028-EADA-9241-0099-8F4F3528AAE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53916" y="5735637"/>
            <a:ext cx="2540167" cy="88397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E0E026FD-CEF8-D2D5-8E57-7AEA5978DD3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7016" y="4655606"/>
            <a:ext cx="1784433" cy="62098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02T12:11:33Z</dcterms:modified>
</cp:coreProperties>
</file>